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9\HP1809\"/>
    </mc:Choice>
  </mc:AlternateContent>
  <bookViews>
    <workbookView xWindow="0" yWindow="0" windowWidth="23040" windowHeight="9384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32">
  <si>
    <t>富山市の人口</t>
  </si>
  <si>
    <t>住民基本台帳人口</t>
  </si>
  <si>
    <t>平成　　30　 年</t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0">
    <xf numFmtId="0" fontId="0" fillId="0" borderId="0" xfId="0">
      <alignment vertical="center"/>
    </xf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>
    <pageSetUpPr fitToPage="1"/>
  </sheetPr>
  <dimension ref="A1:AF33"/>
  <sheetViews>
    <sheetView tabSelected="1" zoomScaleNormal="100" workbookViewId="0">
      <selection activeCell="M1" sqref="M1:W1"/>
    </sheetView>
  </sheetViews>
  <sheetFormatPr defaultColWidth="9" defaultRowHeight="13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9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78467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17625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203496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14129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29</v>
      </c>
      <c r="C18" s="50">
        <v>126</v>
      </c>
      <c r="D18" s="51">
        <v>255</v>
      </c>
      <c r="E18" s="50">
        <v>245</v>
      </c>
      <c r="F18" s="50">
        <v>235</v>
      </c>
      <c r="G18" s="51">
        <v>480</v>
      </c>
      <c r="H18" s="51">
        <v>-225</v>
      </c>
      <c r="I18" s="50">
        <v>273</v>
      </c>
      <c r="J18" s="50">
        <v>82</v>
      </c>
      <c r="K18" s="50">
        <v>100</v>
      </c>
      <c r="L18" s="51">
        <v>182</v>
      </c>
      <c r="M18" s="50">
        <v>467</v>
      </c>
      <c r="N18" s="50">
        <v>416</v>
      </c>
      <c r="O18" s="50">
        <v>245</v>
      </c>
      <c r="P18" s="51">
        <v>661</v>
      </c>
      <c r="Q18" s="51">
        <v>843</v>
      </c>
      <c r="R18" s="50">
        <v>379</v>
      </c>
      <c r="S18" s="50">
        <v>139</v>
      </c>
      <c r="T18" s="50">
        <v>108</v>
      </c>
      <c r="U18" s="51">
        <v>247</v>
      </c>
      <c r="V18" s="50">
        <v>199</v>
      </c>
      <c r="W18" s="50">
        <v>228</v>
      </c>
      <c r="X18" s="50">
        <v>188</v>
      </c>
      <c r="Y18" s="51">
        <v>416</v>
      </c>
      <c r="Z18" s="51">
        <v>663</v>
      </c>
      <c r="AA18" s="51">
        <v>180</v>
      </c>
      <c r="AB18" s="51">
        <v>-45</v>
      </c>
      <c r="AC18" s="52">
        <v>176565</v>
      </c>
      <c r="AD18" s="52">
        <v>203464</v>
      </c>
      <c r="AE18" s="52">
        <v>214536</v>
      </c>
      <c r="AF18" s="53">
        <v>418000</v>
      </c>
    </row>
    <row r="19" spans="1:32" ht="20.100000000000001" customHeight="1">
      <c r="A19" s="54">
        <v>2</v>
      </c>
      <c r="B19" s="55">
        <v>137</v>
      </c>
      <c r="C19" s="55">
        <v>131</v>
      </c>
      <c r="D19" s="56">
        <v>268</v>
      </c>
      <c r="E19" s="55">
        <v>251</v>
      </c>
      <c r="F19" s="55">
        <v>223</v>
      </c>
      <c r="G19" s="56">
        <v>474</v>
      </c>
      <c r="H19" s="56">
        <v>-206</v>
      </c>
      <c r="I19" s="55">
        <v>325</v>
      </c>
      <c r="J19" s="55">
        <v>105</v>
      </c>
      <c r="K19" s="55">
        <v>118</v>
      </c>
      <c r="L19" s="56">
        <v>223</v>
      </c>
      <c r="M19" s="55">
        <v>419</v>
      </c>
      <c r="N19" s="55">
        <v>388</v>
      </c>
      <c r="O19" s="55">
        <v>214</v>
      </c>
      <c r="P19" s="56">
        <v>602</v>
      </c>
      <c r="Q19" s="56">
        <v>825</v>
      </c>
      <c r="R19" s="55">
        <v>403</v>
      </c>
      <c r="S19" s="55">
        <v>137</v>
      </c>
      <c r="T19" s="55">
        <v>112</v>
      </c>
      <c r="U19" s="56">
        <v>249</v>
      </c>
      <c r="V19" s="55">
        <v>263</v>
      </c>
      <c r="W19" s="55">
        <v>279</v>
      </c>
      <c r="X19" s="55">
        <v>213</v>
      </c>
      <c r="Y19" s="56">
        <v>492</v>
      </c>
      <c r="Z19" s="56">
        <v>741</v>
      </c>
      <c r="AA19" s="56">
        <v>84</v>
      </c>
      <c r="AB19" s="56">
        <v>-122</v>
      </c>
      <c r="AC19" s="57">
        <v>176643</v>
      </c>
      <c r="AD19" s="57">
        <v>203427</v>
      </c>
      <c r="AE19" s="57">
        <v>214451</v>
      </c>
      <c r="AF19" s="58">
        <v>417878</v>
      </c>
    </row>
    <row r="20" spans="1:32" ht="20.100000000000001" customHeight="1">
      <c r="A20" s="54">
        <v>3</v>
      </c>
      <c r="B20" s="55">
        <v>135</v>
      </c>
      <c r="C20" s="55">
        <v>118</v>
      </c>
      <c r="D20" s="56">
        <v>253</v>
      </c>
      <c r="E20" s="55">
        <v>202</v>
      </c>
      <c r="F20" s="55">
        <v>197</v>
      </c>
      <c r="G20" s="56">
        <v>399</v>
      </c>
      <c r="H20" s="56">
        <v>-146</v>
      </c>
      <c r="I20" s="55">
        <v>586</v>
      </c>
      <c r="J20" s="55">
        <v>303</v>
      </c>
      <c r="K20" s="55">
        <v>255</v>
      </c>
      <c r="L20" s="56">
        <v>558</v>
      </c>
      <c r="M20" s="55">
        <v>885</v>
      </c>
      <c r="N20" s="55">
        <v>941</v>
      </c>
      <c r="O20" s="55">
        <v>588</v>
      </c>
      <c r="P20" s="56">
        <v>1529</v>
      </c>
      <c r="Q20" s="56">
        <v>2087</v>
      </c>
      <c r="R20" s="55">
        <v>520</v>
      </c>
      <c r="S20" s="55">
        <v>335</v>
      </c>
      <c r="T20" s="55">
        <v>239</v>
      </c>
      <c r="U20" s="56">
        <v>574</v>
      </c>
      <c r="V20" s="55">
        <v>826</v>
      </c>
      <c r="W20" s="55">
        <v>1142</v>
      </c>
      <c r="X20" s="55">
        <v>876</v>
      </c>
      <c r="Y20" s="56">
        <v>2018</v>
      </c>
      <c r="Z20" s="56">
        <v>2592</v>
      </c>
      <c r="AA20" s="56">
        <v>-505</v>
      </c>
      <c r="AB20" s="56">
        <v>-651</v>
      </c>
      <c r="AC20" s="57">
        <v>176768</v>
      </c>
      <c r="AD20" s="57">
        <v>203127</v>
      </c>
      <c r="AE20" s="57">
        <v>214100</v>
      </c>
      <c r="AF20" s="58">
        <v>417227</v>
      </c>
    </row>
    <row r="21" spans="1:32" ht="20.100000000000001" customHeight="1">
      <c r="A21" s="54">
        <v>4</v>
      </c>
      <c r="B21" s="55">
        <v>114</v>
      </c>
      <c r="C21" s="55">
        <v>107</v>
      </c>
      <c r="D21" s="56">
        <v>221</v>
      </c>
      <c r="E21" s="55">
        <v>166</v>
      </c>
      <c r="F21" s="55">
        <v>172</v>
      </c>
      <c r="G21" s="56">
        <v>338</v>
      </c>
      <c r="H21" s="56">
        <v>-117</v>
      </c>
      <c r="I21" s="55">
        <v>511</v>
      </c>
      <c r="J21" s="55">
        <v>212</v>
      </c>
      <c r="K21" s="55">
        <v>191</v>
      </c>
      <c r="L21" s="56">
        <v>403</v>
      </c>
      <c r="M21" s="55">
        <v>1052</v>
      </c>
      <c r="N21" s="55">
        <v>943</v>
      </c>
      <c r="O21" s="55">
        <v>540</v>
      </c>
      <c r="P21" s="56">
        <v>1483</v>
      </c>
      <c r="Q21" s="56">
        <v>1886</v>
      </c>
      <c r="R21" s="55">
        <v>382</v>
      </c>
      <c r="S21" s="55">
        <v>144</v>
      </c>
      <c r="T21" s="55">
        <v>139</v>
      </c>
      <c r="U21" s="56">
        <v>283</v>
      </c>
      <c r="V21" s="55">
        <v>489</v>
      </c>
      <c r="W21" s="55">
        <v>657</v>
      </c>
      <c r="X21" s="55">
        <v>486</v>
      </c>
      <c r="Y21" s="56">
        <v>1143</v>
      </c>
      <c r="Z21" s="56">
        <v>1426</v>
      </c>
      <c r="AA21" s="56">
        <v>460</v>
      </c>
      <c r="AB21" s="56">
        <v>343</v>
      </c>
      <c r="AC21" s="57">
        <v>177460</v>
      </c>
      <c r="AD21" s="57">
        <v>203429</v>
      </c>
      <c r="AE21" s="57">
        <v>214141</v>
      </c>
      <c r="AF21" s="58">
        <v>417570</v>
      </c>
    </row>
    <row r="22" spans="1:32" ht="20.100000000000001" customHeight="1">
      <c r="A22" s="54">
        <v>5</v>
      </c>
      <c r="B22" s="55">
        <v>147</v>
      </c>
      <c r="C22" s="55">
        <v>129</v>
      </c>
      <c r="D22" s="56">
        <v>276</v>
      </c>
      <c r="E22" s="55">
        <v>216</v>
      </c>
      <c r="F22" s="55">
        <v>193</v>
      </c>
      <c r="G22" s="56">
        <v>409</v>
      </c>
      <c r="H22" s="56">
        <v>-133</v>
      </c>
      <c r="I22" s="55">
        <v>365</v>
      </c>
      <c r="J22" s="55">
        <v>108</v>
      </c>
      <c r="K22" s="55">
        <v>129</v>
      </c>
      <c r="L22" s="56">
        <v>237</v>
      </c>
      <c r="M22" s="55">
        <v>446</v>
      </c>
      <c r="N22" s="55">
        <v>418</v>
      </c>
      <c r="O22" s="55">
        <v>235</v>
      </c>
      <c r="P22" s="56">
        <v>653</v>
      </c>
      <c r="Q22" s="56">
        <v>890</v>
      </c>
      <c r="R22" s="55">
        <v>368</v>
      </c>
      <c r="S22" s="55">
        <v>133</v>
      </c>
      <c r="T22" s="55">
        <v>107</v>
      </c>
      <c r="U22" s="56">
        <v>240</v>
      </c>
      <c r="V22" s="55">
        <v>250</v>
      </c>
      <c r="W22" s="55">
        <v>302</v>
      </c>
      <c r="X22" s="55">
        <v>233</v>
      </c>
      <c r="Y22" s="56">
        <v>535</v>
      </c>
      <c r="Z22" s="56">
        <v>775</v>
      </c>
      <c r="AA22" s="56">
        <v>115</v>
      </c>
      <c r="AB22" s="56">
        <v>-18</v>
      </c>
      <c r="AC22" s="57">
        <v>177653</v>
      </c>
      <c r="AD22" s="57">
        <v>203451</v>
      </c>
      <c r="AE22" s="57">
        <v>214101</v>
      </c>
      <c r="AF22" s="58">
        <v>417552</v>
      </c>
    </row>
    <row r="23" spans="1:32" ht="20.100000000000001" customHeight="1">
      <c r="A23" s="54">
        <v>6</v>
      </c>
      <c r="B23" s="55">
        <v>132</v>
      </c>
      <c r="C23" s="55">
        <v>119</v>
      </c>
      <c r="D23" s="56">
        <v>251</v>
      </c>
      <c r="E23" s="55">
        <v>158</v>
      </c>
      <c r="F23" s="55">
        <v>155</v>
      </c>
      <c r="G23" s="56">
        <v>313</v>
      </c>
      <c r="H23" s="56">
        <v>-62</v>
      </c>
      <c r="I23" s="55">
        <v>317</v>
      </c>
      <c r="J23" s="55">
        <v>99</v>
      </c>
      <c r="K23" s="55">
        <v>103</v>
      </c>
      <c r="L23" s="56">
        <v>202</v>
      </c>
      <c r="M23" s="55">
        <v>386</v>
      </c>
      <c r="N23" s="55">
        <v>342</v>
      </c>
      <c r="O23" s="55">
        <v>228</v>
      </c>
      <c r="P23" s="56">
        <v>570</v>
      </c>
      <c r="Q23" s="56">
        <v>772</v>
      </c>
      <c r="R23" s="55">
        <v>316</v>
      </c>
      <c r="S23" s="55">
        <v>127</v>
      </c>
      <c r="T23" s="55">
        <v>139</v>
      </c>
      <c r="U23" s="56">
        <v>266</v>
      </c>
      <c r="V23" s="55">
        <v>254</v>
      </c>
      <c r="W23" s="55">
        <v>324</v>
      </c>
      <c r="X23" s="55">
        <v>200</v>
      </c>
      <c r="Y23" s="56">
        <v>524</v>
      </c>
      <c r="Z23" s="56">
        <v>790</v>
      </c>
      <c r="AA23" s="56">
        <v>-18</v>
      </c>
      <c r="AB23" s="56">
        <v>-80</v>
      </c>
      <c r="AC23" s="57">
        <v>177786</v>
      </c>
      <c r="AD23" s="57">
        <v>203415</v>
      </c>
      <c r="AE23" s="57">
        <v>214057</v>
      </c>
      <c r="AF23" s="58">
        <v>417472</v>
      </c>
    </row>
    <row r="24" spans="1:32" ht="20.100000000000001" customHeight="1">
      <c r="A24" s="54">
        <v>7</v>
      </c>
      <c r="B24" s="55">
        <v>171</v>
      </c>
      <c r="C24" s="55">
        <v>125</v>
      </c>
      <c r="D24" s="56">
        <v>296</v>
      </c>
      <c r="E24" s="55">
        <v>194</v>
      </c>
      <c r="F24" s="55">
        <v>188</v>
      </c>
      <c r="G24" s="56">
        <v>382</v>
      </c>
      <c r="H24" s="56">
        <v>-86</v>
      </c>
      <c r="I24" s="55">
        <v>344</v>
      </c>
      <c r="J24" s="55">
        <v>110</v>
      </c>
      <c r="K24" s="55">
        <v>123</v>
      </c>
      <c r="L24" s="56">
        <v>233</v>
      </c>
      <c r="M24" s="55">
        <v>559</v>
      </c>
      <c r="N24" s="55">
        <v>500</v>
      </c>
      <c r="O24" s="55">
        <v>295</v>
      </c>
      <c r="P24" s="56">
        <v>795</v>
      </c>
      <c r="Q24" s="56">
        <v>1028</v>
      </c>
      <c r="R24" s="55">
        <v>354</v>
      </c>
      <c r="S24" s="55">
        <v>129</v>
      </c>
      <c r="T24" s="55">
        <v>120</v>
      </c>
      <c r="U24" s="56">
        <v>249</v>
      </c>
      <c r="V24" s="55">
        <v>308</v>
      </c>
      <c r="W24" s="55">
        <v>314</v>
      </c>
      <c r="X24" s="55">
        <v>257</v>
      </c>
      <c r="Y24" s="56">
        <v>571</v>
      </c>
      <c r="Z24" s="56">
        <v>820</v>
      </c>
      <c r="AA24" s="56">
        <v>208</v>
      </c>
      <c r="AB24" s="56">
        <v>122</v>
      </c>
      <c r="AC24" s="57">
        <v>178027</v>
      </c>
      <c r="AD24" s="57">
        <v>203559</v>
      </c>
      <c r="AE24" s="57">
        <v>214035</v>
      </c>
      <c r="AF24" s="58">
        <v>417594</v>
      </c>
    </row>
    <row r="25" spans="1:32" ht="20.100000000000001" customHeight="1">
      <c r="A25" s="54">
        <v>8</v>
      </c>
      <c r="B25" s="55">
        <v>113</v>
      </c>
      <c r="C25" s="55">
        <v>133</v>
      </c>
      <c r="D25" s="56">
        <v>246</v>
      </c>
      <c r="E25" s="55">
        <v>184</v>
      </c>
      <c r="F25" s="55">
        <v>156</v>
      </c>
      <c r="G25" s="56">
        <v>340</v>
      </c>
      <c r="H25" s="56">
        <v>-94</v>
      </c>
      <c r="I25" s="55">
        <v>394</v>
      </c>
      <c r="J25" s="55">
        <v>117</v>
      </c>
      <c r="K25" s="55">
        <v>130</v>
      </c>
      <c r="L25" s="56">
        <v>247</v>
      </c>
      <c r="M25" s="55">
        <v>626</v>
      </c>
      <c r="N25" s="55">
        <v>526</v>
      </c>
      <c r="O25" s="55">
        <v>351</v>
      </c>
      <c r="P25" s="56">
        <v>877</v>
      </c>
      <c r="Q25" s="56">
        <v>1124</v>
      </c>
      <c r="R25" s="55">
        <v>377</v>
      </c>
      <c r="S25" s="55">
        <v>168</v>
      </c>
      <c r="T25" s="55">
        <v>118</v>
      </c>
      <c r="U25" s="56">
        <v>286</v>
      </c>
      <c r="V25" s="55">
        <v>323</v>
      </c>
      <c r="W25" s="55">
        <v>356</v>
      </c>
      <c r="X25" s="55">
        <v>244</v>
      </c>
      <c r="Y25" s="56">
        <v>600</v>
      </c>
      <c r="Z25" s="56">
        <v>886</v>
      </c>
      <c r="AA25" s="56">
        <v>238</v>
      </c>
      <c r="AB25" s="56">
        <v>144</v>
      </c>
      <c r="AC25" s="57">
        <v>178347</v>
      </c>
      <c r="AD25" s="57">
        <v>203607</v>
      </c>
      <c r="AE25" s="57">
        <v>214131</v>
      </c>
      <c r="AF25" s="58">
        <v>417738</v>
      </c>
    </row>
    <row r="26" spans="1:32" ht="20.100000000000001" customHeight="1">
      <c r="A26" s="54">
        <v>9</v>
      </c>
      <c r="B26" s="55">
        <v>122</v>
      </c>
      <c r="C26" s="55">
        <v>115</v>
      </c>
      <c r="D26" s="56">
        <v>237</v>
      </c>
      <c r="E26" s="55">
        <v>173</v>
      </c>
      <c r="F26" s="55">
        <v>188</v>
      </c>
      <c r="G26" s="56">
        <v>361</v>
      </c>
      <c r="H26" s="56">
        <v>-124</v>
      </c>
      <c r="I26" s="55">
        <v>321</v>
      </c>
      <c r="J26" s="55">
        <v>101</v>
      </c>
      <c r="K26" s="55">
        <v>116</v>
      </c>
      <c r="L26" s="56">
        <v>217</v>
      </c>
      <c r="M26" s="55">
        <v>549</v>
      </c>
      <c r="N26" s="55">
        <v>382</v>
      </c>
      <c r="O26" s="55">
        <v>333</v>
      </c>
      <c r="P26" s="56">
        <v>715</v>
      </c>
      <c r="Q26" s="56">
        <v>932</v>
      </c>
      <c r="R26" s="55">
        <v>416</v>
      </c>
      <c r="S26" s="55">
        <v>217</v>
      </c>
      <c r="T26" s="55">
        <v>125</v>
      </c>
      <c r="U26" s="56">
        <v>342</v>
      </c>
      <c r="V26" s="55">
        <v>334</v>
      </c>
      <c r="W26" s="55">
        <v>326</v>
      </c>
      <c r="X26" s="55">
        <v>253</v>
      </c>
      <c r="Y26" s="56">
        <v>579</v>
      </c>
      <c r="Z26" s="56">
        <v>921</v>
      </c>
      <c r="AA26" s="56">
        <v>11</v>
      </c>
      <c r="AB26" s="56">
        <v>-113</v>
      </c>
      <c r="AC26" s="57">
        <v>178467</v>
      </c>
      <c r="AD26" s="57">
        <v>203496</v>
      </c>
      <c r="AE26" s="57">
        <v>214129</v>
      </c>
      <c r="AF26" s="58">
        <v>417625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59">
        <v>12</v>
      </c>
      <c r="B29" s="60"/>
      <c r="C29" s="60"/>
      <c r="D29" s="61">
        <v>0</v>
      </c>
      <c r="E29" s="60"/>
      <c r="F29" s="60"/>
      <c r="G29" s="61">
        <v>0</v>
      </c>
      <c r="H29" s="61">
        <v>0</v>
      </c>
      <c r="I29" s="60"/>
      <c r="J29" s="60"/>
      <c r="K29" s="60"/>
      <c r="L29" s="61">
        <v>0</v>
      </c>
      <c r="M29" s="60"/>
      <c r="N29" s="60"/>
      <c r="O29" s="60"/>
      <c r="P29" s="61">
        <v>0</v>
      </c>
      <c r="Q29" s="61">
        <v>0</v>
      </c>
      <c r="R29" s="60"/>
      <c r="S29" s="60"/>
      <c r="T29" s="60"/>
      <c r="U29" s="61">
        <v>0</v>
      </c>
      <c r="V29" s="60"/>
      <c r="W29" s="60"/>
      <c r="X29" s="60"/>
      <c r="Y29" s="61">
        <v>0</v>
      </c>
      <c r="Z29" s="61">
        <v>0</v>
      </c>
      <c r="AA29" s="61">
        <v>0</v>
      </c>
      <c r="AB29" s="61">
        <v>0</v>
      </c>
      <c r="AC29" s="62" t="s">
        <v>29</v>
      </c>
      <c r="AD29" s="62" t="s">
        <v>29</v>
      </c>
      <c r="AE29" s="62" t="s">
        <v>29</v>
      </c>
      <c r="AF29" s="63">
        <v>0</v>
      </c>
    </row>
    <row r="30" spans="1:32" ht="20.100000000000001" customHeight="1">
      <c r="A30" s="45" t="s">
        <v>24</v>
      </c>
      <c r="B30" s="64">
        <v>1200</v>
      </c>
      <c r="C30" s="64">
        <v>1103</v>
      </c>
      <c r="D30" s="64">
        <v>2303</v>
      </c>
      <c r="E30" s="64">
        <v>1789</v>
      </c>
      <c r="F30" s="64">
        <v>1707</v>
      </c>
      <c r="G30" s="64">
        <v>3496</v>
      </c>
      <c r="H30" s="64">
        <v>-1193</v>
      </c>
      <c r="I30" s="64">
        <v>3436</v>
      </c>
      <c r="J30" s="64">
        <v>1237</v>
      </c>
      <c r="K30" s="64">
        <v>1265</v>
      </c>
      <c r="L30" s="64">
        <v>2502</v>
      </c>
      <c r="M30" s="64">
        <v>5389</v>
      </c>
      <c r="N30" s="64">
        <v>4856</v>
      </c>
      <c r="O30" s="64">
        <v>3029</v>
      </c>
      <c r="P30" s="64">
        <v>7885</v>
      </c>
      <c r="Q30" s="64">
        <v>10387</v>
      </c>
      <c r="R30" s="64">
        <v>3515</v>
      </c>
      <c r="S30" s="64">
        <v>1529</v>
      </c>
      <c r="T30" s="64">
        <v>1207</v>
      </c>
      <c r="U30" s="64">
        <v>2736</v>
      </c>
      <c r="V30" s="64">
        <v>3246</v>
      </c>
      <c r="W30" s="64">
        <v>3928</v>
      </c>
      <c r="X30" s="64">
        <v>2950</v>
      </c>
      <c r="Y30" s="64">
        <v>6878</v>
      </c>
      <c r="Z30" s="64">
        <v>9614</v>
      </c>
      <c r="AA30" s="64">
        <v>773</v>
      </c>
      <c r="AB30" s="64">
        <v>-420</v>
      </c>
      <c r="AC30" s="65"/>
      <c r="AD30" s="65"/>
      <c r="AE30" s="65"/>
      <c r="AF30" s="66"/>
    </row>
    <row r="31" spans="1:32">
      <c r="H31" s="67"/>
      <c r="I31" s="67"/>
      <c r="J31" s="67"/>
      <c r="K31" s="67"/>
      <c r="L31" s="67"/>
      <c r="M31" s="67"/>
      <c r="N31" s="67"/>
      <c r="O31" s="67"/>
      <c r="P31" s="67"/>
      <c r="Q31" s="67"/>
      <c r="R31" s="67"/>
      <c r="S31" s="67"/>
      <c r="T31" s="67"/>
      <c r="U31" s="67"/>
      <c r="V31" s="67"/>
      <c r="W31" s="67"/>
      <c r="X31" s="67"/>
      <c r="Y31" s="67"/>
      <c r="Z31" s="67"/>
      <c r="AA31" s="67"/>
      <c r="AB31" s="67"/>
      <c r="AC31" s="67"/>
      <c r="AD31" s="67"/>
      <c r="AE31" s="67"/>
      <c r="AF31" s="67"/>
    </row>
    <row r="32" spans="1:32">
      <c r="B32" s="68" t="s">
        <v>30</v>
      </c>
      <c r="E32" s="67"/>
      <c r="F32" s="67"/>
      <c r="G32" s="67"/>
      <c r="H32" s="67"/>
      <c r="I32" s="67"/>
      <c r="J32" s="67"/>
      <c r="K32" s="67"/>
      <c r="L32" s="67"/>
      <c r="M32" s="67"/>
      <c r="N32" s="67"/>
      <c r="O32" s="67"/>
      <c r="P32" s="67"/>
      <c r="Q32" s="67"/>
      <c r="R32" s="67"/>
      <c r="S32" s="67"/>
      <c r="T32" s="67"/>
      <c r="U32" s="67"/>
      <c r="V32" s="67"/>
      <c r="W32" s="67"/>
      <c r="X32" s="67"/>
      <c r="Y32" s="67"/>
      <c r="AA32" s="67"/>
      <c r="AB32" s="69"/>
      <c r="AC32" s="69"/>
      <c r="AD32" s="69"/>
      <c r="AE32" s="69"/>
      <c r="AF32" s="69"/>
    </row>
    <row r="33" spans="2:2">
      <c r="B33" s="68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0-02T02:43:30Z</dcterms:created>
  <dcterms:modified xsi:type="dcterms:W3CDTF">2018-10-02T02:43:32Z</dcterms:modified>
</cp:coreProperties>
</file>